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75" r:id="rId5"/>
    <p:sldId id="271" r:id="rId6"/>
    <p:sldId id="283" r:id="rId7"/>
    <p:sldId id="284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52BC9AB-4F3B-42AC-B94E-DB24427D9787}" v="43" dt="2025-06-24T09:29:43.35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 showGuides="1">
      <p:cViewPr varScale="1">
        <p:scale>
          <a:sx n="50" d="100"/>
          <a:sy n="50" d="100"/>
        </p:scale>
        <p:origin x="344" y="2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4/06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6/24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hyperlink" Target="https://www.iata.org/en/events/all/wfs--wps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4" name="GRADIENT" hidden="1">
            <a:extLst>
              <a:ext uri="{FF2B5EF4-FFF2-40B4-BE49-F238E27FC236}">
                <a16:creationId xmlns:a16="http://schemas.microsoft.com/office/drawing/2014/main" id="{A291C34A-FAF1-683D-3DA4-62261254622A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2217865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FS/WPS!</a:t>
            </a: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FS/WPS 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ebsite! </a:t>
            </a:r>
            <a:endParaRPr kumimoji="0" lang="en-US" sz="1400" b="1" i="0" u="none" strike="noStrike" kern="1200" cap="none" spc="0" normalizeH="0" baseline="0" noProof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DD18609-7ECB-6C6F-98EC-9629CAF1A1E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520499" y="3717185"/>
            <a:ext cx="4935679" cy="2775689"/>
          </a:xfrm>
          <a:prstGeom prst="rect">
            <a:avLst/>
          </a:prstGeom>
        </p:spPr>
      </p:pic>
      <p:grpSp>
        <p:nvGrpSpPr>
          <p:cNvPr id="15" name="Group 14">
            <a:extLst>
              <a:ext uri="{FF2B5EF4-FFF2-40B4-BE49-F238E27FC236}">
                <a16:creationId xmlns:a16="http://schemas.microsoft.com/office/drawing/2014/main" id="{D4017F86-D8B1-27D0-5FA3-DD605F90C19E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6977829" y="4186591"/>
            <a:ext cx="582267" cy="1087771"/>
            <a:chOff x="7847403" y="765422"/>
            <a:chExt cx="991737" cy="1979947"/>
          </a:xfrm>
        </p:grpSpPr>
        <p:sp>
          <p:nvSpPr>
            <p:cNvPr id="16" name="Freeform 5">
              <a:extLst>
                <a:ext uri="{FF2B5EF4-FFF2-40B4-BE49-F238E27FC236}">
                  <a16:creationId xmlns:a16="http://schemas.microsoft.com/office/drawing/2014/main" id="{12C38F75-943A-3A9D-6310-C722F51C1EA7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 bwMode="auto">
            <a:xfrm flipH="1">
              <a:off x="7848540" y="175834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7" name="Oval 16">
              <a:extLst>
                <a:ext uri="{FF2B5EF4-FFF2-40B4-BE49-F238E27FC236}">
                  <a16:creationId xmlns:a16="http://schemas.microsoft.com/office/drawing/2014/main" id="{8963E077-E810-8781-7E2C-A9B279A13974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 bwMode="auto">
            <a:xfrm>
              <a:off x="7847403" y="765422"/>
              <a:ext cx="991737" cy="992927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9F23ADB1-B08A-C486-8B38-B6CBD8AFE171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 bwMode="auto">
            <a:xfrm rot="16200000">
              <a:off x="8226253" y="1301379"/>
              <a:ext cx="230410" cy="460406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" r="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87385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630800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a43eddc-90ff-449d-aad4-2d0e109d6fc6">
      <Terms xmlns="http://schemas.microsoft.com/office/infopath/2007/PartnerControls"/>
    </lcf76f155ced4ddcb4097134ff3c332f>
    <TaxCatchAll xmlns="d1561e36-252f-47de-a9c7-a7a6b7e6efea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BB1604F3D69F4F86BA48773919B15D" ma:contentTypeVersion="11" ma:contentTypeDescription="Create a new document." ma:contentTypeScope="" ma:versionID="5deeec8827626160743bd380556959b3">
  <xsd:schema xmlns:xsd="http://www.w3.org/2001/XMLSchema" xmlns:xs="http://www.w3.org/2001/XMLSchema" xmlns:p="http://schemas.microsoft.com/office/2006/metadata/properties" xmlns:ns2="4a43eddc-90ff-449d-aad4-2d0e109d6fc6" xmlns:ns3="d1561e36-252f-47de-a9c7-a7a6b7e6efea" targetNamespace="http://schemas.microsoft.com/office/2006/metadata/properties" ma:root="true" ma:fieldsID="330406de6bab337ec70a07091339df76" ns2:_="" ns3:_="">
    <xsd:import namespace="4a43eddc-90ff-449d-aad4-2d0e109d6fc6"/>
    <xsd:import namespace="d1561e36-252f-47de-a9c7-a7a6b7e6efe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a43eddc-90ff-449d-aad4-2d0e109d6fc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1561e36-252f-47de-a9c7-a7a6b7e6efea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7ff1c4e9-f756-407e-8625-3e12520edd9f}" ma:internalName="TaxCatchAll" ma:showField="CatchAllData" ma:web="d1561e36-252f-47de-a9c7-a7a6b7e6efe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34183C6-7270-4AC2-9CD2-45B68A49FD3D}">
  <ds:schemaRefs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4a43eddc-90ff-449d-aad4-2d0e109d6fc6"/>
    <ds:schemaRef ds:uri="http://purl.org/dc/elements/1.1/"/>
    <ds:schemaRef ds:uri="http://schemas.microsoft.com/office/2006/metadata/properties"/>
    <ds:schemaRef ds:uri="d1561e36-252f-47de-a9c7-a7a6b7e6efea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54413788-C506-4260-8427-F5ADD61F1241}">
  <ds:schemaRefs>
    <ds:schemaRef ds:uri="4a43eddc-90ff-449d-aad4-2d0e109d6fc6"/>
    <ds:schemaRef ds:uri="d1561e36-252f-47de-a9c7-a7a6b7e6efea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ad221784-72a8-4263-ac86-0ccc6b152cd8}" enabled="0" method="" siteId="{ad221784-72a8-4263-ac86-0ccc6b152cd8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5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ds2025-promokit</dc:title>
  <dc:creator>Christine Murphy</dc:creator>
  <cp:lastModifiedBy>Carlota Hernández Jaubert</cp:lastModifiedBy>
  <cp:revision>1</cp:revision>
  <dcterms:created xsi:type="dcterms:W3CDTF">2023-06-13T12:34:15Z</dcterms:created>
  <dcterms:modified xsi:type="dcterms:W3CDTF">2025-06-24T09:29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0BB1604F3D69F4F86BA48773919B15D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